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C:\Users\s00056\Desktop\"/>
    </mc:Choice>
  </mc:AlternateContent>
  <xr:revisionPtr revIDLastSave="0" documentId="13_ncr:1_{812E3072-87A8-4E52-82AB-CE80614E1F02}" xr6:coauthVersionLast="47" xr6:coauthVersionMax="47" xr10:uidLastSave="{00000000-0000-0000-0000-000000000000}"/>
  <bookViews>
    <workbookView xWindow="28680" yWindow="-120" windowWidth="20730" windowHeight="11040" xr2:uid="{00000000-000D-0000-FFFF-FFFF00000000}"/>
  </bookViews>
  <sheets>
    <sheet name="５人権・同和教育" sheetId="25"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31" uniqueCount="88">
  <si>
    <t>番号</t>
    <rPh sb="0" eb="2">
      <t>バンゴウ</t>
    </rPh>
    <phoneticPr fontId="1"/>
  </si>
  <si>
    <t>タイトル</t>
    <phoneticPr fontId="1"/>
  </si>
  <si>
    <t>VHS・DVD</t>
    <phoneticPr fontId="1"/>
  </si>
  <si>
    <t>アニメ</t>
    <phoneticPr fontId="1"/>
  </si>
  <si>
    <t>内容</t>
    <rPh sb="0" eb="2">
      <t>ナイヨウ</t>
    </rPh>
    <phoneticPr fontId="1"/>
  </si>
  <si>
    <t>人権・同和教育</t>
    <rPh sb="0" eb="2">
      <t>ジンケン</t>
    </rPh>
    <rPh sb="3" eb="7">
      <t>ドウワキョウイク</t>
    </rPh>
    <phoneticPr fontId="1"/>
  </si>
  <si>
    <t>DVD</t>
    <phoneticPr fontId="1"/>
  </si>
  <si>
    <t>DVD</t>
    <phoneticPr fontId="4"/>
  </si>
  <si>
    <t>男女共同参画　　パフォーマンスステージ</t>
  </si>
  <si>
    <t>この作品は、男女共同参画を分かりやすく伝えるために募集した「男女共同参画パフォーマンスステージ」の入賞作品を収録したものです。地域や職場などの男女共同参画推進に向けた学習、研修にご活用ください。</t>
  </si>
  <si>
    <t>DVD</t>
    <phoneticPr fontId="1"/>
  </si>
  <si>
    <t>ひとみ輝くとき</t>
  </si>
  <si>
    <t>「いじめの問題」や「児童虐待」・・・大人はどうしたらよいのか？！子どもが自分らしく希望をもって生きていくために、家庭・地域、そして学校での在り方をみんなで考える作品です。</t>
  </si>
  <si>
    <t>デートＤＶ</t>
  </si>
  <si>
    <t>デートを経験していない子どもたちや、デート相手はいるけれど特にデートＤＶらしきことはおきていない若者たちも対象に含めて、子どもたちや若者たちが普通だと思っていることが、実はデートＤＶにつながる危険性のあることなど、自分自身の潜在的な意識や価値観に目を向けるきっかけを提供します。</t>
  </si>
  <si>
    <t>配偶者からの暴力の根絶をめざして</t>
  </si>
  <si>
    <t>配偶者からの暴力は、犯罪となる行為をも含む重大な人権侵害です。配偶者からの暴力は、あなたの身近なところでおきています。このＤＶでは、配偶者からの暴力の根絶をめざして、「配偶者暴力防止法」のしくみ等についてわかりやすく紹介しています。</t>
  </si>
  <si>
    <t>ツインズ１７</t>
  </si>
  <si>
    <t>父の死後、ムラ（同和地区）を離れて醤油工場で働く母と娘２人は、今尚解消されていない部落問題に次々と遭遇する。そして、３０年前の北野川の洪水が、双子の姉妹、父母、そして画家の宇野とを結びつける絆が、明らかになっていく。</t>
  </si>
  <si>
    <t>男女共同参画時代のセクシュアル・ハラスメント</t>
  </si>
  <si>
    <t>ヒューマン博士と考えよう　～差別から人権の確立へ～</t>
  </si>
  <si>
    <t>「男女共同参画社会基本法」の制定に伴い、勤務環境の整備という点からも、セクシュアル・ハラスメントはより重要な課題となっている。セクシュアル・ハラスメントが起きる現象を見ながらその原因を検証し、解決に必要な対応方法を提示する。_x000D_
第１巻　セクシュアル・ハラスメントの対策事例</t>
  </si>
  <si>
    <t>「男女共同参画社会基本法」の制定に伴い、勤務環境の整備という点からも、セクシュアル・ハラスメントはより重要な課題となっている。セクシュアル・ハラスメントが起きる現象を見ながらその原因を検証し、解決に必要な対応方法を提示する。_x000D_
第２巻　ケースで考えるセクシュアル・ハラスメント</t>
  </si>
  <si>
    <t>歴史をたどりながら、差別された人びとの生産と労働、芸能や文化への関わりを、「ヒューマン博士」が分かりやすく解説する。</t>
    <phoneticPr fontId="4"/>
  </si>
  <si>
    <t>いのち輝くとき</t>
  </si>
  <si>
    <t>マンションに隣接した畑はふれあい菜園と名づけられ、お年寄りを中心にマンションの住民達が野菜や花を植えている。そこに住む稔（４歳）は父親に受けた虐待が原因で心を閉ざしている。お年寄り達が稔とその家族をなんとか立ち直らすために発奮する内容である。</t>
  </si>
  <si>
    <t>友だちの声が聴こえる？～ほんとうの思いやり～</t>
    <rPh sb="0" eb="1">
      <t>トモ</t>
    </rPh>
    <rPh sb="4" eb="5">
      <t>コエ</t>
    </rPh>
    <rPh sb="6" eb="7">
      <t>キ</t>
    </rPh>
    <rPh sb="17" eb="18">
      <t>オモ</t>
    </rPh>
    <phoneticPr fontId="4"/>
  </si>
  <si>
    <t>今日、いじめ、不登校、青少年犯罪の凶悪化・低年齢化などの問題が課題となっています。子どもたちの生活の現状と問題点を把握し、子どもたちの心を健全に成長させるため対策作りが早急に求められています。　この作品は、友達の心の声に耳を傾け、相手の考えや気も知を尊重しほんとうの思いやりとは何かを考えるために制作されました。</t>
    <rPh sb="0" eb="2">
      <t>コンニチ</t>
    </rPh>
    <rPh sb="7" eb="10">
      <t>フトウコウ</t>
    </rPh>
    <rPh sb="11" eb="14">
      <t>セイショウネン</t>
    </rPh>
    <rPh sb="14" eb="16">
      <t>ハンザイ</t>
    </rPh>
    <rPh sb="17" eb="20">
      <t>キョウアクカ</t>
    </rPh>
    <rPh sb="21" eb="24">
      <t>テイネンレイ</t>
    </rPh>
    <rPh sb="24" eb="25">
      <t>カ</t>
    </rPh>
    <rPh sb="28" eb="30">
      <t>モンダイ</t>
    </rPh>
    <rPh sb="31" eb="33">
      <t>カダイ</t>
    </rPh>
    <rPh sb="41" eb="42">
      <t>コ</t>
    </rPh>
    <rPh sb="47" eb="49">
      <t>セイカツ</t>
    </rPh>
    <rPh sb="50" eb="52">
      <t>ゲンジョウ</t>
    </rPh>
    <rPh sb="53" eb="56">
      <t>モンダイテン</t>
    </rPh>
    <rPh sb="57" eb="59">
      <t>ハアク</t>
    </rPh>
    <rPh sb="61" eb="62">
      <t>コ</t>
    </rPh>
    <rPh sb="67" eb="68">
      <t>ココロ</t>
    </rPh>
    <rPh sb="69" eb="71">
      <t>ケンゼン</t>
    </rPh>
    <rPh sb="72" eb="74">
      <t>セイチョウ</t>
    </rPh>
    <rPh sb="79" eb="81">
      <t>タイサク</t>
    </rPh>
    <rPh sb="81" eb="82">
      <t>ツク</t>
    </rPh>
    <rPh sb="84" eb="86">
      <t>ソウキュウ</t>
    </rPh>
    <rPh sb="87" eb="88">
      <t>モト</t>
    </rPh>
    <rPh sb="99" eb="101">
      <t>サクヒン</t>
    </rPh>
    <rPh sb="103" eb="105">
      <t>トモダチ</t>
    </rPh>
    <rPh sb="106" eb="107">
      <t>ココロ</t>
    </rPh>
    <rPh sb="108" eb="109">
      <t>コエ</t>
    </rPh>
    <rPh sb="110" eb="111">
      <t>ミミ</t>
    </rPh>
    <rPh sb="112" eb="113">
      <t>カタム</t>
    </rPh>
    <rPh sb="115" eb="117">
      <t>アイテ</t>
    </rPh>
    <rPh sb="118" eb="119">
      <t>カンガ</t>
    </rPh>
    <rPh sb="121" eb="122">
      <t>キ</t>
    </rPh>
    <rPh sb="123" eb="124">
      <t>チ</t>
    </rPh>
    <rPh sb="125" eb="127">
      <t>ソンチョウ</t>
    </rPh>
    <rPh sb="133" eb="134">
      <t>オモ</t>
    </rPh>
    <rPh sb="139" eb="140">
      <t>ナニ</t>
    </rPh>
    <rPh sb="142" eb="143">
      <t>カンガ</t>
    </rPh>
    <rPh sb="148" eb="150">
      <t>セイサク</t>
    </rPh>
    <phoneticPr fontId="4"/>
  </si>
  <si>
    <t>あたたかい眼差しを　虐待から子どもを守る</t>
    <rPh sb="5" eb="7">
      <t>マナザ</t>
    </rPh>
    <rPh sb="10" eb="12">
      <t>ギャクタイ</t>
    </rPh>
    <rPh sb="14" eb="15">
      <t>コ</t>
    </rPh>
    <rPh sb="18" eb="19">
      <t>マモ</t>
    </rPh>
    <phoneticPr fontId="4"/>
  </si>
  <si>
    <t>「いじめ」の早期発見と対策シリーズ　第３巻：保護者編</t>
    <rPh sb="6" eb="8">
      <t>ソウキ</t>
    </rPh>
    <rPh sb="8" eb="10">
      <t>ハッケン</t>
    </rPh>
    <rPh sb="11" eb="13">
      <t>タイサク</t>
    </rPh>
    <rPh sb="18" eb="19">
      <t>ダイ</t>
    </rPh>
    <rPh sb="20" eb="21">
      <t>カン</t>
    </rPh>
    <rPh sb="22" eb="25">
      <t>ホゴシャ</t>
    </rPh>
    <rPh sb="25" eb="26">
      <t>ヘン</t>
    </rPh>
    <phoneticPr fontId="4"/>
  </si>
  <si>
    <t>大きな社会問題となっている児童虐待について、再現ドラマをとおして、通告･調査･面談・訪問･保護・親の抱える問題などを考える。近隣同士の声かけという小さな試みから、地域のつながりを育み、社会全体で家庭を見守ることが、虐待を減らしていく有効な取組であることを訴える。</t>
    <rPh sb="0" eb="1">
      <t>オオ</t>
    </rPh>
    <rPh sb="3" eb="5">
      <t>シャカイ</t>
    </rPh>
    <rPh sb="5" eb="7">
      <t>モンダイ</t>
    </rPh>
    <rPh sb="13" eb="15">
      <t>ジドウ</t>
    </rPh>
    <rPh sb="15" eb="17">
      <t>ギャクタイ</t>
    </rPh>
    <rPh sb="22" eb="24">
      <t>サイゲン</t>
    </rPh>
    <rPh sb="33" eb="35">
      <t>ツウコク</t>
    </rPh>
    <rPh sb="36" eb="38">
      <t>チョウサ</t>
    </rPh>
    <rPh sb="39" eb="41">
      <t>メンダン</t>
    </rPh>
    <rPh sb="42" eb="44">
      <t>ホウモン</t>
    </rPh>
    <rPh sb="45" eb="47">
      <t>ホゴ</t>
    </rPh>
    <rPh sb="48" eb="49">
      <t>オヤ</t>
    </rPh>
    <rPh sb="50" eb="51">
      <t>カカ</t>
    </rPh>
    <rPh sb="53" eb="55">
      <t>モンダイ</t>
    </rPh>
    <rPh sb="58" eb="59">
      <t>カンガ</t>
    </rPh>
    <rPh sb="62" eb="64">
      <t>キンリン</t>
    </rPh>
    <rPh sb="64" eb="66">
      <t>ドウシ</t>
    </rPh>
    <rPh sb="67" eb="68">
      <t>コエ</t>
    </rPh>
    <rPh sb="73" eb="74">
      <t>チイ</t>
    </rPh>
    <rPh sb="76" eb="77">
      <t>ココロ</t>
    </rPh>
    <rPh sb="81" eb="83">
      <t>チイキ</t>
    </rPh>
    <rPh sb="89" eb="90">
      <t>ハグク</t>
    </rPh>
    <rPh sb="92" eb="94">
      <t>シャカイ</t>
    </rPh>
    <rPh sb="94" eb="96">
      <t>ゼンタイ</t>
    </rPh>
    <rPh sb="97" eb="99">
      <t>カテイ</t>
    </rPh>
    <rPh sb="100" eb="102">
      <t>ミマモ</t>
    </rPh>
    <rPh sb="107" eb="109">
      <t>ギャクタイ</t>
    </rPh>
    <rPh sb="110" eb="111">
      <t>ヘ</t>
    </rPh>
    <rPh sb="116" eb="118">
      <t>ユウコウ</t>
    </rPh>
    <rPh sb="119" eb="121">
      <t>トリクミ</t>
    </rPh>
    <rPh sb="127" eb="128">
      <t>ウッタ</t>
    </rPh>
    <phoneticPr fontId="4"/>
  </si>
  <si>
    <t>「いじめ」に気づくポイントと対応を解説した保護者向けコンテンツ。</t>
    <rPh sb="6" eb="7">
      <t>キ</t>
    </rPh>
    <rPh sb="14" eb="16">
      <t>タイオウ</t>
    </rPh>
    <rPh sb="17" eb="19">
      <t>カイセツ</t>
    </rPh>
    <rPh sb="21" eb="24">
      <t>ホゴシャ</t>
    </rPh>
    <rPh sb="24" eb="25">
      <t>ム</t>
    </rPh>
    <phoneticPr fontId="4"/>
  </si>
  <si>
    <t>いじめと戦おう！～私たちにできこと～小学生編</t>
    <rPh sb="4" eb="5">
      <t>タタカ</t>
    </rPh>
    <rPh sb="9" eb="10">
      <t>ワタシ</t>
    </rPh>
    <rPh sb="18" eb="21">
      <t>ショウガクセイ</t>
    </rPh>
    <rPh sb="21" eb="22">
      <t>ヘン</t>
    </rPh>
    <phoneticPr fontId="4"/>
  </si>
  <si>
    <t>いじめと戦おう！～もしもあの日に戻れたら～中学生編</t>
    <rPh sb="4" eb="5">
      <t>タタカ</t>
    </rPh>
    <rPh sb="14" eb="15">
      <t>ヒ</t>
    </rPh>
    <rPh sb="16" eb="17">
      <t>モド</t>
    </rPh>
    <rPh sb="21" eb="24">
      <t>チュウガクセイ</t>
    </rPh>
    <rPh sb="24" eb="25">
      <t>ヘン</t>
    </rPh>
    <phoneticPr fontId="4"/>
  </si>
  <si>
    <t>鑑賞した児童がいじめの、当時者、被害者、傍観者の立場を理解し、考える事ができるドラマ形式の教材です。クラスの大多数を占めるであろう傍観者がいかにして”いじめの構図”を崩せるかという視点を中心に、いじめ問題全体について話し合うために活用いただけます。</t>
    <rPh sb="0" eb="2">
      <t>カンショウ</t>
    </rPh>
    <rPh sb="4" eb="6">
      <t>ジドウ</t>
    </rPh>
    <rPh sb="12" eb="15">
      <t>トウジシャ</t>
    </rPh>
    <rPh sb="16" eb="19">
      <t>ヒガイシャ</t>
    </rPh>
    <rPh sb="20" eb="23">
      <t>ボウカンシャ</t>
    </rPh>
    <rPh sb="24" eb="26">
      <t>タチバ</t>
    </rPh>
    <rPh sb="27" eb="29">
      <t>リカイ</t>
    </rPh>
    <rPh sb="31" eb="32">
      <t>カンガ</t>
    </rPh>
    <rPh sb="34" eb="35">
      <t>コト</t>
    </rPh>
    <rPh sb="42" eb="44">
      <t>ケイシキ</t>
    </rPh>
    <rPh sb="45" eb="47">
      <t>キョウザイ</t>
    </rPh>
    <rPh sb="54" eb="57">
      <t>ダイタスウ</t>
    </rPh>
    <rPh sb="58" eb="59">
      <t>シ</t>
    </rPh>
    <rPh sb="65" eb="68">
      <t>ボウカンシャ</t>
    </rPh>
    <rPh sb="79" eb="81">
      <t>コウズ</t>
    </rPh>
    <rPh sb="83" eb="84">
      <t>クズ</t>
    </rPh>
    <rPh sb="90" eb="92">
      <t>シテン</t>
    </rPh>
    <rPh sb="93" eb="95">
      <t>チュウシン</t>
    </rPh>
    <rPh sb="100" eb="102">
      <t>モンダイ</t>
    </rPh>
    <rPh sb="102" eb="104">
      <t>ゼンタイ</t>
    </rPh>
    <rPh sb="108" eb="109">
      <t>ハナ</t>
    </rPh>
    <rPh sb="110" eb="111">
      <t>ア</t>
    </rPh>
    <rPh sb="115" eb="117">
      <t>カツヨウ</t>
    </rPh>
    <phoneticPr fontId="4"/>
  </si>
  <si>
    <t>いじめがどのようにしておこり、どうすれば防げるのかは保護者や教員にとって大きなテーマになってる。鑑賞した生徒がいじめのメカニズムや対策を自身のミニ置き換えて考える事ができるドラマ形式の教材です。</t>
    <rPh sb="20" eb="21">
      <t>フセ</t>
    </rPh>
    <rPh sb="26" eb="29">
      <t>ホゴシャ</t>
    </rPh>
    <rPh sb="30" eb="32">
      <t>キョウイン</t>
    </rPh>
    <rPh sb="36" eb="37">
      <t>オオ</t>
    </rPh>
    <rPh sb="48" eb="50">
      <t>カンショウ</t>
    </rPh>
    <rPh sb="52" eb="54">
      <t>セイト</t>
    </rPh>
    <rPh sb="65" eb="67">
      <t>タイサク</t>
    </rPh>
    <rPh sb="68" eb="70">
      <t>ジシン</t>
    </rPh>
    <rPh sb="73" eb="74">
      <t>オ</t>
    </rPh>
    <rPh sb="75" eb="76">
      <t>カ</t>
    </rPh>
    <rPh sb="78" eb="79">
      <t>カンガ</t>
    </rPh>
    <rPh sb="81" eb="82">
      <t>コト</t>
    </rPh>
    <rPh sb="89" eb="91">
      <t>ケイシキ</t>
    </rPh>
    <rPh sb="92" eb="94">
      <t>キョウザイ</t>
    </rPh>
    <phoneticPr fontId="4"/>
  </si>
  <si>
    <t>ー子守唄という処方箋ーSTOPザ虐待ー</t>
    <rPh sb="1" eb="4">
      <t>コモリウタ</t>
    </rPh>
    <rPh sb="7" eb="10">
      <t>ショホウセン</t>
    </rPh>
    <rPh sb="16" eb="18">
      <t>ギャクタイ</t>
    </rPh>
    <phoneticPr fontId="4"/>
  </si>
  <si>
    <t>子守唄のような優しいメロディが、待ちのどこからでも、いつでも聞こえてくるような、｢子守唄が流れる優しい町を作ろう」というのが、私たちの大きな願いです。</t>
    <rPh sb="0" eb="3">
      <t>コモリウタ</t>
    </rPh>
    <rPh sb="7" eb="8">
      <t>ヤサ</t>
    </rPh>
    <rPh sb="16" eb="17">
      <t>マ</t>
    </rPh>
    <rPh sb="30" eb="31">
      <t>キ</t>
    </rPh>
    <rPh sb="41" eb="44">
      <t>コモリウタ</t>
    </rPh>
    <rPh sb="45" eb="46">
      <t>ナガ</t>
    </rPh>
    <rPh sb="48" eb="49">
      <t>ヤサ</t>
    </rPh>
    <rPh sb="51" eb="52">
      <t>マチ</t>
    </rPh>
    <rPh sb="53" eb="54">
      <t>ツク</t>
    </rPh>
    <rPh sb="63" eb="64">
      <t>ワタシ</t>
    </rPh>
    <rPh sb="67" eb="68">
      <t>オオ</t>
    </rPh>
    <rPh sb="70" eb="71">
      <t>ネガ</t>
    </rPh>
    <phoneticPr fontId="4"/>
  </si>
  <si>
    <t>ヒーロー　　兵庫県人権啓発ビデオ</t>
    <rPh sb="6" eb="9">
      <t>ヒョウゴケン</t>
    </rPh>
    <rPh sb="9" eb="11">
      <t>ジンケン</t>
    </rPh>
    <rPh sb="11" eb="13">
      <t>ケイハツ</t>
    </rPh>
    <phoneticPr fontId="4"/>
  </si>
  <si>
    <t>無縁社会とつながること～生きること　つながること～</t>
    <rPh sb="0" eb="2">
      <t>ムエン</t>
    </rPh>
    <rPh sb="2" eb="4">
      <t>シャカイ</t>
    </rPh>
    <rPh sb="12" eb="13">
      <t>イ</t>
    </rPh>
    <phoneticPr fontId="4"/>
  </si>
  <si>
    <t>新・人権入門</t>
    <rPh sb="0" eb="1">
      <t>シン</t>
    </rPh>
    <rPh sb="2" eb="4">
      <t>ジンケン</t>
    </rPh>
    <rPh sb="4" eb="6">
      <t>ニュウモン</t>
    </rPh>
    <phoneticPr fontId="4"/>
  </si>
  <si>
    <t>セクハラ・パワハラ・LGBT・同和問題・外国人・障がい者・多様性尊重トレーニング・自他尊重・女性活躍推進　　　職場における人権課題を考える　１６のショートドラマでわかりやすく解説　　</t>
    <rPh sb="15" eb="17">
      <t>ドウワ</t>
    </rPh>
    <rPh sb="17" eb="19">
      <t>モンダイ</t>
    </rPh>
    <rPh sb="20" eb="23">
      <t>ガイコクジン</t>
    </rPh>
    <rPh sb="24" eb="25">
      <t>ショウ</t>
    </rPh>
    <rPh sb="27" eb="28">
      <t>シャ</t>
    </rPh>
    <rPh sb="29" eb="32">
      <t>タヨウセイ</t>
    </rPh>
    <rPh sb="32" eb="34">
      <t>ソンチョウ</t>
    </rPh>
    <rPh sb="41" eb="43">
      <t>ジタ</t>
    </rPh>
    <rPh sb="43" eb="45">
      <t>ソンチョウ</t>
    </rPh>
    <rPh sb="46" eb="48">
      <t>ジョセイ</t>
    </rPh>
    <rPh sb="48" eb="50">
      <t>カツヤク</t>
    </rPh>
    <rPh sb="50" eb="52">
      <t>スイシン</t>
    </rPh>
    <rPh sb="55" eb="57">
      <t>ショクバ</t>
    </rPh>
    <rPh sb="61" eb="63">
      <t>ジンケン</t>
    </rPh>
    <rPh sb="63" eb="65">
      <t>カダイ</t>
    </rPh>
    <rPh sb="66" eb="67">
      <t>カンガ</t>
    </rPh>
    <rPh sb="87" eb="89">
      <t>カイセツ</t>
    </rPh>
    <phoneticPr fontId="4"/>
  </si>
  <si>
    <t>ココロ屋</t>
    <rPh sb="3" eb="4">
      <t>ヤ</t>
    </rPh>
    <phoneticPr fontId="4"/>
  </si>
  <si>
    <t>「ココロ」とは何でしょう？この謎に向かい合うためのヒントとなる優れた児童文学を原作にしたアニメーションです。自分の心を大切にし、相手の心も大切にするという、人権教育の基本的な考え方が盛り込まれています。この作品に登場する｢優しい心」「素直な心」についてなどは、アサーションの考え方を児童にわかりやすく伝えるためのツールにもなります。（ワークシート添付）</t>
    <rPh sb="7" eb="8">
      <t>ナン</t>
    </rPh>
    <rPh sb="15" eb="16">
      <t>ナゾ</t>
    </rPh>
    <rPh sb="17" eb="18">
      <t>ム</t>
    </rPh>
    <rPh sb="20" eb="21">
      <t>ア</t>
    </rPh>
    <rPh sb="31" eb="32">
      <t>スグ</t>
    </rPh>
    <rPh sb="34" eb="36">
      <t>ジドウ</t>
    </rPh>
    <rPh sb="36" eb="38">
      <t>ブンガク</t>
    </rPh>
    <rPh sb="39" eb="41">
      <t>ゲンサク</t>
    </rPh>
    <rPh sb="54" eb="56">
      <t>ジブン</t>
    </rPh>
    <rPh sb="57" eb="58">
      <t>ココロ</t>
    </rPh>
    <rPh sb="59" eb="61">
      <t>タイセツ</t>
    </rPh>
    <rPh sb="64" eb="66">
      <t>アイテ</t>
    </rPh>
    <rPh sb="67" eb="68">
      <t>ココロ</t>
    </rPh>
    <rPh sb="69" eb="71">
      <t>タイセツ</t>
    </rPh>
    <rPh sb="78" eb="80">
      <t>ジンケン</t>
    </rPh>
    <rPh sb="80" eb="82">
      <t>キョウイク</t>
    </rPh>
    <rPh sb="83" eb="86">
      <t>キホンテキ</t>
    </rPh>
    <rPh sb="87" eb="88">
      <t>カンガ</t>
    </rPh>
    <rPh sb="89" eb="90">
      <t>カタ</t>
    </rPh>
    <rPh sb="91" eb="92">
      <t>モ</t>
    </rPh>
    <rPh sb="93" eb="94">
      <t>コ</t>
    </rPh>
    <rPh sb="103" eb="105">
      <t>サクヒン</t>
    </rPh>
    <rPh sb="106" eb="108">
      <t>トウジョウ</t>
    </rPh>
    <rPh sb="111" eb="112">
      <t>ヤサ</t>
    </rPh>
    <rPh sb="114" eb="115">
      <t>ココロ</t>
    </rPh>
    <rPh sb="117" eb="119">
      <t>スナオ</t>
    </rPh>
    <rPh sb="120" eb="121">
      <t>ココロ</t>
    </rPh>
    <rPh sb="137" eb="138">
      <t>カンガ</t>
    </rPh>
    <rPh sb="139" eb="140">
      <t>カタ</t>
    </rPh>
    <rPh sb="141" eb="143">
      <t>ジドウ</t>
    </rPh>
    <rPh sb="150" eb="151">
      <t>ツタ</t>
    </rPh>
    <rPh sb="173" eb="175">
      <t>テンプ</t>
    </rPh>
    <phoneticPr fontId="4"/>
  </si>
  <si>
    <t>imagination　想う　つながる　一歩ふみだす</t>
    <rPh sb="12" eb="13">
      <t>オモ</t>
    </rPh>
    <rPh sb="20" eb="22">
      <t>イッポ</t>
    </rPh>
    <phoneticPr fontId="4"/>
  </si>
  <si>
    <t>・子供の人権ーいじめ問題ー　・同和問題　・障がい者の人権-発達障害ー</t>
    <rPh sb="1" eb="3">
      <t>コドモ</t>
    </rPh>
    <rPh sb="4" eb="6">
      <t>ジンケン</t>
    </rPh>
    <rPh sb="10" eb="12">
      <t>モンダイ</t>
    </rPh>
    <rPh sb="15" eb="17">
      <t>ドウワ</t>
    </rPh>
    <rPh sb="17" eb="19">
      <t>モンダイ</t>
    </rPh>
    <rPh sb="21" eb="22">
      <t>ショウ</t>
    </rPh>
    <rPh sb="24" eb="25">
      <t>シャ</t>
    </rPh>
    <rPh sb="26" eb="28">
      <t>ジンケン</t>
    </rPh>
    <rPh sb="29" eb="31">
      <t>ハッタツ</t>
    </rPh>
    <rPh sb="31" eb="33">
      <t>ショウガイ</t>
    </rPh>
    <phoneticPr fontId="4"/>
  </si>
  <si>
    <t>児童虐待と子どもの人権</t>
    <rPh sb="0" eb="2">
      <t>ジドウ</t>
    </rPh>
    <rPh sb="2" eb="4">
      <t>ギャクタイ</t>
    </rPh>
    <rPh sb="5" eb="6">
      <t>コ</t>
    </rPh>
    <rPh sb="9" eb="11">
      <t>ジンケン</t>
    </rPh>
    <phoneticPr fontId="4"/>
  </si>
  <si>
    <t>児童虐待とは、子どもが幸せに行き成長する権利を奪う行為であり、子どもの人権を否定するものです。子どもの成長する権利を守ることは、保護者をはじめ社会を担っている私たち全ての大人の責務であるということを伝えていきます。</t>
    <rPh sb="0" eb="2">
      <t>ジドウ</t>
    </rPh>
    <rPh sb="2" eb="4">
      <t>ギャクタイ</t>
    </rPh>
    <rPh sb="7" eb="8">
      <t>コ</t>
    </rPh>
    <rPh sb="11" eb="12">
      <t>シアワ</t>
    </rPh>
    <rPh sb="14" eb="15">
      <t>イ</t>
    </rPh>
    <rPh sb="16" eb="18">
      <t>セイチョウ</t>
    </rPh>
    <rPh sb="20" eb="22">
      <t>ケンリ</t>
    </rPh>
    <rPh sb="23" eb="24">
      <t>ウバ</t>
    </rPh>
    <rPh sb="25" eb="27">
      <t>コウイ</t>
    </rPh>
    <rPh sb="31" eb="32">
      <t>コ</t>
    </rPh>
    <rPh sb="35" eb="37">
      <t>ジンケン</t>
    </rPh>
    <rPh sb="38" eb="40">
      <t>ヒテイ</t>
    </rPh>
    <rPh sb="47" eb="48">
      <t>コ</t>
    </rPh>
    <rPh sb="51" eb="53">
      <t>セイチョウ</t>
    </rPh>
    <rPh sb="55" eb="57">
      <t>ケンリ</t>
    </rPh>
    <rPh sb="58" eb="59">
      <t>マモ</t>
    </rPh>
    <rPh sb="64" eb="67">
      <t>ホゴシャ</t>
    </rPh>
    <rPh sb="71" eb="73">
      <t>シャカイ</t>
    </rPh>
    <rPh sb="74" eb="75">
      <t>ニナ</t>
    </rPh>
    <rPh sb="79" eb="80">
      <t>ワタシ</t>
    </rPh>
    <rPh sb="82" eb="83">
      <t>スベ</t>
    </rPh>
    <rPh sb="85" eb="87">
      <t>オトナ</t>
    </rPh>
    <rPh sb="88" eb="90">
      <t>セキム</t>
    </rPh>
    <rPh sb="99" eb="100">
      <t>ツタ</t>
    </rPh>
    <phoneticPr fontId="4"/>
  </si>
  <si>
    <t>渋染め一揆　明日に架ける虹　　字幕入り</t>
    <rPh sb="0" eb="1">
      <t>シブ</t>
    </rPh>
    <rPh sb="1" eb="2">
      <t>ソ</t>
    </rPh>
    <rPh sb="3" eb="5">
      <t>イッキ</t>
    </rPh>
    <phoneticPr fontId="4"/>
  </si>
  <si>
    <t>江戸時代、岡山県で発生した「渋染一揆」をアニメーションにしたもの。身分制度の中で、差別政策に対し人間としての誇りをかけて立ち上がった物語。</t>
    <rPh sb="0" eb="4">
      <t>エドジダイ</t>
    </rPh>
    <rPh sb="5" eb="8">
      <t>オカヤマケン</t>
    </rPh>
    <rPh sb="9" eb="11">
      <t>ハッセイ</t>
    </rPh>
    <rPh sb="14" eb="16">
      <t>シブソメ</t>
    </rPh>
    <rPh sb="16" eb="18">
      <t>イッキ</t>
    </rPh>
    <rPh sb="33" eb="37">
      <t>ミブンセイド</t>
    </rPh>
    <rPh sb="38" eb="39">
      <t>ナカ</t>
    </rPh>
    <rPh sb="41" eb="45">
      <t>サベツセイサク</t>
    </rPh>
    <rPh sb="46" eb="47">
      <t>タイ</t>
    </rPh>
    <rPh sb="48" eb="50">
      <t>ニンゲン</t>
    </rPh>
    <rPh sb="54" eb="55">
      <t>ホコ</t>
    </rPh>
    <rPh sb="60" eb="61">
      <t>タ</t>
    </rPh>
    <rPh sb="62" eb="63">
      <t>ア</t>
    </rPh>
    <rPh sb="66" eb="68">
      <t>モノガタリ</t>
    </rPh>
    <phoneticPr fontId="4"/>
  </si>
  <si>
    <t>未来　　－SNSの罠－</t>
    <rPh sb="0" eb="2">
      <t>ミライ</t>
    </rPh>
    <rPh sb="9" eb="10">
      <t>ワナ</t>
    </rPh>
    <phoneticPr fontId="4"/>
  </si>
  <si>
    <t>いじめ、危険ドラッグ、違法サイトの温床となっているのがSNSともいわれています。不特定通への情報はっしっhが、子ども立の携帯端末へと広がっています。本作品は、中学生・高校生がこれらへのアクセスについて取るべき対応について、体験を交え、話し合い、問題について語り会います。</t>
    <rPh sb="4" eb="6">
      <t>キケン</t>
    </rPh>
    <rPh sb="11" eb="13">
      <t>イホウ</t>
    </rPh>
    <rPh sb="17" eb="19">
      <t>オンショウ</t>
    </rPh>
    <rPh sb="40" eb="43">
      <t>フトクテイ</t>
    </rPh>
    <rPh sb="43" eb="44">
      <t>ツウ</t>
    </rPh>
    <rPh sb="46" eb="48">
      <t>ジョウホウ</t>
    </rPh>
    <rPh sb="55" eb="56">
      <t>コ</t>
    </rPh>
    <rPh sb="58" eb="59">
      <t>タチ</t>
    </rPh>
    <rPh sb="60" eb="62">
      <t>ケイタイ</t>
    </rPh>
    <rPh sb="62" eb="64">
      <t>タンマツ</t>
    </rPh>
    <rPh sb="66" eb="67">
      <t>ヒロ</t>
    </rPh>
    <rPh sb="74" eb="77">
      <t>ホンサクヒン</t>
    </rPh>
    <rPh sb="79" eb="82">
      <t>チュウガクセイ</t>
    </rPh>
    <rPh sb="83" eb="86">
      <t>コウコウセイ</t>
    </rPh>
    <rPh sb="100" eb="101">
      <t>ト</t>
    </rPh>
    <rPh sb="104" eb="106">
      <t>タイオウ</t>
    </rPh>
    <rPh sb="111" eb="113">
      <t>タイケン</t>
    </rPh>
    <rPh sb="114" eb="115">
      <t>マジ</t>
    </rPh>
    <rPh sb="117" eb="118">
      <t>ハナ</t>
    </rPh>
    <rPh sb="119" eb="120">
      <t>ア</t>
    </rPh>
    <rPh sb="122" eb="124">
      <t>モンダイ</t>
    </rPh>
    <rPh sb="128" eb="129">
      <t>カタ</t>
    </rPh>
    <rPh sb="130" eb="131">
      <t>ア</t>
    </rPh>
    <phoneticPr fontId="4"/>
  </si>
  <si>
    <t>桃香の自由帳</t>
    <rPh sb="0" eb="2">
      <t>モモカ</t>
    </rPh>
    <rPh sb="3" eb="5">
      <t>ジユウ</t>
    </rPh>
    <rPh sb="5" eb="6">
      <t>チョウ</t>
    </rPh>
    <phoneticPr fontId="4"/>
  </si>
  <si>
    <t>「共生社会と人権」　～つながり・ささえあう　わたしのまち～</t>
    <rPh sb="1" eb="3">
      <t>キョウセイ</t>
    </rPh>
    <rPh sb="3" eb="5">
      <t>シャカイ</t>
    </rPh>
    <rPh sb="6" eb="8">
      <t>ジンケン</t>
    </rPh>
    <phoneticPr fontId="4"/>
  </si>
  <si>
    <t>障害を越えて</t>
    <rPh sb="0" eb="2">
      <t>ショウガイ</t>
    </rPh>
    <rPh sb="3" eb="4">
      <t>コ</t>
    </rPh>
    <phoneticPr fontId="4"/>
  </si>
  <si>
    <t>障碍者と健常者を隔てる壁。それは何故できるのか。どうすれば超えられるのか。障害を超えて。果たして障害を超えるのは誰ですか？</t>
    <rPh sb="0" eb="3">
      <t>ショウガイシャ</t>
    </rPh>
    <rPh sb="4" eb="7">
      <t>ケンジョウシャ</t>
    </rPh>
    <rPh sb="8" eb="9">
      <t>ヘダ</t>
    </rPh>
    <rPh sb="11" eb="12">
      <t>カベ</t>
    </rPh>
    <rPh sb="16" eb="18">
      <t>ナゼ</t>
    </rPh>
    <rPh sb="29" eb="30">
      <t>コ</t>
    </rPh>
    <rPh sb="37" eb="39">
      <t>ショウガイ</t>
    </rPh>
    <rPh sb="40" eb="41">
      <t>コ</t>
    </rPh>
    <rPh sb="44" eb="45">
      <t>ハ</t>
    </rPh>
    <rPh sb="48" eb="50">
      <t>ショウガイ</t>
    </rPh>
    <rPh sb="51" eb="52">
      <t>コ</t>
    </rPh>
    <rPh sb="56" eb="57">
      <t>ダレ</t>
    </rPh>
    <phoneticPr fontId="4"/>
  </si>
  <si>
    <t>家庭の中の人権　生まれ来る子へ</t>
    <rPh sb="0" eb="2">
      <t>カテイ</t>
    </rPh>
    <rPh sb="3" eb="4">
      <t>ナカ</t>
    </rPh>
    <rPh sb="5" eb="7">
      <t>ジンケン</t>
    </rPh>
    <rPh sb="8" eb="9">
      <t>ウ</t>
    </rPh>
    <rPh sb="11" eb="12">
      <t>ク</t>
    </rPh>
    <rPh sb="13" eb="14">
      <t>コ</t>
    </rPh>
    <phoneticPr fontId="4"/>
  </si>
  <si>
    <t>このドラマでは、「家庭の中の人権」に目を向け、祖父母と孫夫婦の会話を通じて、私たちの身の回りにある人権の尊さについて語り合い、伝えていくことは、すべての『いのち』を大切にすることでもあります。築くこと、そして行動することの大切さを描きます。</t>
    <rPh sb="9" eb="11">
      <t>カテイ</t>
    </rPh>
    <rPh sb="12" eb="13">
      <t>ナカ</t>
    </rPh>
    <rPh sb="14" eb="16">
      <t>ジンケン</t>
    </rPh>
    <rPh sb="18" eb="19">
      <t>メ</t>
    </rPh>
    <rPh sb="20" eb="21">
      <t>ム</t>
    </rPh>
    <rPh sb="23" eb="26">
      <t>ソフボ</t>
    </rPh>
    <rPh sb="27" eb="28">
      <t>マゴ</t>
    </rPh>
    <rPh sb="28" eb="30">
      <t>フウフ</t>
    </rPh>
    <rPh sb="31" eb="33">
      <t>カイワ</t>
    </rPh>
    <rPh sb="34" eb="35">
      <t>ツウ</t>
    </rPh>
    <rPh sb="38" eb="39">
      <t>ワタシ</t>
    </rPh>
    <rPh sb="42" eb="43">
      <t>ミ</t>
    </rPh>
    <rPh sb="44" eb="45">
      <t>マワ</t>
    </rPh>
    <rPh sb="49" eb="51">
      <t>ジンケン</t>
    </rPh>
    <rPh sb="52" eb="53">
      <t>トウト</t>
    </rPh>
    <rPh sb="58" eb="59">
      <t>カタ</t>
    </rPh>
    <rPh sb="60" eb="61">
      <t>ア</t>
    </rPh>
    <rPh sb="63" eb="64">
      <t>ツタ</t>
    </rPh>
    <rPh sb="82" eb="84">
      <t>タイセツ</t>
    </rPh>
    <rPh sb="96" eb="97">
      <t>キズ</t>
    </rPh>
    <rPh sb="104" eb="106">
      <t>コウドウ</t>
    </rPh>
    <rPh sb="111" eb="113">
      <t>タイセツ</t>
    </rPh>
    <rPh sb="115" eb="116">
      <t>エガ</t>
    </rPh>
    <phoneticPr fontId="4"/>
  </si>
  <si>
    <t>声の形</t>
    <rPh sb="0" eb="1">
      <t>コエ</t>
    </rPh>
    <rPh sb="2" eb="3">
      <t>カタチ</t>
    </rPh>
    <phoneticPr fontId="4"/>
  </si>
  <si>
    <t>現代の子どものリアルな表情を描きつつ、「いじめ」や「障がい者との共生」などの難しいテーマを読者が自然に考えることのできる物語。「いじめ」や「障がい」に対する意識と知識を高め、学校や家庭内で話し合うきっかけとして役立ちます。</t>
    <rPh sb="0" eb="2">
      <t>ゲンダイ</t>
    </rPh>
    <rPh sb="3" eb="4">
      <t>コ</t>
    </rPh>
    <rPh sb="11" eb="13">
      <t>ヒョウジョウ</t>
    </rPh>
    <rPh sb="14" eb="15">
      <t>エガ</t>
    </rPh>
    <rPh sb="26" eb="27">
      <t>ショウ</t>
    </rPh>
    <rPh sb="29" eb="30">
      <t>シャ</t>
    </rPh>
    <rPh sb="32" eb="34">
      <t>キョウセイ</t>
    </rPh>
    <rPh sb="38" eb="39">
      <t>ムズカ</t>
    </rPh>
    <rPh sb="45" eb="47">
      <t>ドクシャ</t>
    </rPh>
    <rPh sb="48" eb="50">
      <t>シゼン</t>
    </rPh>
    <rPh sb="51" eb="52">
      <t>カンガ</t>
    </rPh>
    <rPh sb="60" eb="62">
      <t>モノガタリ</t>
    </rPh>
    <rPh sb="70" eb="71">
      <t>ショウ</t>
    </rPh>
    <rPh sb="75" eb="76">
      <t>タイ</t>
    </rPh>
    <rPh sb="78" eb="80">
      <t>イシキ</t>
    </rPh>
    <rPh sb="81" eb="83">
      <t>チシキ</t>
    </rPh>
    <rPh sb="84" eb="85">
      <t>タカ</t>
    </rPh>
    <rPh sb="87" eb="89">
      <t>ガッコウ</t>
    </rPh>
    <rPh sb="90" eb="93">
      <t>カテイナイ</t>
    </rPh>
    <rPh sb="94" eb="95">
      <t>ハナ</t>
    </rPh>
    <rPh sb="96" eb="97">
      <t>ア</t>
    </rPh>
    <rPh sb="105" eb="107">
      <t>ヤクダ</t>
    </rPh>
    <phoneticPr fontId="4"/>
  </si>
  <si>
    <t>私の中の差別意識</t>
    <rPh sb="0" eb="1">
      <t>ワタシ</t>
    </rPh>
    <rPh sb="2" eb="3">
      <t>ナカ</t>
    </rPh>
    <rPh sb="4" eb="6">
      <t>サベツ</t>
    </rPh>
    <rPh sb="6" eb="8">
      <t>イシキ</t>
    </rPh>
    <phoneticPr fontId="4"/>
  </si>
  <si>
    <t>部落問題を通し、人の中に巣食う差別意識への気づきを促してゆきます。ドキュメンタリーを通し、差別された人々の心の痛みを伝えつつ、どうすれば差別がなくなるのか考えるきっかけを提供します。そして、自らの差別意識に気づき、正しい知識や判断力を持つことの大切さを伝えます。</t>
    <rPh sb="0" eb="2">
      <t>ブラク</t>
    </rPh>
    <rPh sb="2" eb="4">
      <t>モンダイ</t>
    </rPh>
    <rPh sb="5" eb="6">
      <t>トオ</t>
    </rPh>
    <rPh sb="8" eb="9">
      <t>ヒト</t>
    </rPh>
    <rPh sb="10" eb="11">
      <t>ナカ</t>
    </rPh>
    <rPh sb="12" eb="13">
      <t>ス</t>
    </rPh>
    <rPh sb="13" eb="14">
      <t>ク</t>
    </rPh>
    <rPh sb="15" eb="17">
      <t>サベツ</t>
    </rPh>
    <rPh sb="17" eb="19">
      <t>イシキ</t>
    </rPh>
    <rPh sb="21" eb="22">
      <t>キ</t>
    </rPh>
    <rPh sb="25" eb="26">
      <t>ウナガ</t>
    </rPh>
    <rPh sb="42" eb="43">
      <t>トオ</t>
    </rPh>
    <rPh sb="45" eb="47">
      <t>サベツ</t>
    </rPh>
    <rPh sb="50" eb="52">
      <t>ヒトビト</t>
    </rPh>
    <rPh sb="53" eb="54">
      <t>ココロ</t>
    </rPh>
    <rPh sb="55" eb="56">
      <t>イタ</t>
    </rPh>
    <rPh sb="58" eb="59">
      <t>ツタ</t>
    </rPh>
    <rPh sb="68" eb="70">
      <t>サベツ</t>
    </rPh>
    <rPh sb="77" eb="78">
      <t>カンガ</t>
    </rPh>
    <rPh sb="85" eb="87">
      <t>テイキョウ</t>
    </rPh>
    <rPh sb="95" eb="96">
      <t>ミズカ</t>
    </rPh>
    <rPh sb="98" eb="100">
      <t>サベツ</t>
    </rPh>
    <rPh sb="100" eb="102">
      <t>イシキ</t>
    </rPh>
    <rPh sb="103" eb="104">
      <t>キ</t>
    </rPh>
    <rPh sb="107" eb="108">
      <t>タダ</t>
    </rPh>
    <rPh sb="110" eb="112">
      <t>チシキ</t>
    </rPh>
    <rPh sb="113" eb="116">
      <t>ハンダンリョク</t>
    </rPh>
    <rPh sb="117" eb="118">
      <t>モ</t>
    </rPh>
    <rPh sb="122" eb="124">
      <t>タイセツ</t>
    </rPh>
    <rPh sb="126" eb="127">
      <t>ツタ</t>
    </rPh>
    <phoneticPr fontId="4"/>
  </si>
  <si>
    <t>ボクはすぐに逃げ込んだんだ　
　東日本大震災から学んだこと</t>
    <rPh sb="6" eb="7">
      <t>ニ</t>
    </rPh>
    <rPh sb="8" eb="9">
      <t>コ</t>
    </rPh>
    <rPh sb="16" eb="17">
      <t>ヒガシ</t>
    </rPh>
    <rPh sb="17" eb="19">
      <t>ニホン</t>
    </rPh>
    <rPh sb="19" eb="22">
      <t>ダイシンサイ</t>
    </rPh>
    <rPh sb="24" eb="25">
      <t>マナ</t>
    </rPh>
    <phoneticPr fontId="4"/>
  </si>
  <si>
    <t>文部科学省選定　地震・津波・防災教育(小学校中・高学年向け)</t>
    <rPh sb="0" eb="5">
      <t>モンブカガクショウ</t>
    </rPh>
    <rPh sb="5" eb="7">
      <t>センテイ</t>
    </rPh>
    <rPh sb="8" eb="10">
      <t>ジシン</t>
    </rPh>
    <rPh sb="11" eb="13">
      <t>ツナミ</t>
    </rPh>
    <rPh sb="14" eb="16">
      <t>ボウサイ</t>
    </rPh>
    <rPh sb="16" eb="18">
      <t>キョウイク</t>
    </rPh>
    <rPh sb="19" eb="22">
      <t>ショウガッコウ</t>
    </rPh>
    <rPh sb="22" eb="23">
      <t>チュウ</t>
    </rPh>
    <rPh sb="24" eb="25">
      <t>コウ</t>
    </rPh>
    <rPh sb="25" eb="27">
      <t>ガクネン</t>
    </rPh>
    <rPh sb="27" eb="28">
      <t>ム</t>
    </rPh>
    <phoneticPr fontId="4"/>
  </si>
  <si>
    <t>アニメ</t>
    <phoneticPr fontId="1"/>
  </si>
  <si>
    <t>夫の虐待を許さない！
ー夫婦のモラル・ハラスメントー</t>
    <rPh sb="0" eb="1">
      <t>オット</t>
    </rPh>
    <rPh sb="2" eb="4">
      <t>ギャクタイ</t>
    </rPh>
    <rPh sb="5" eb="6">
      <t>ユル</t>
    </rPh>
    <rPh sb="12" eb="14">
      <t>フウフ</t>
    </rPh>
    <phoneticPr fontId="4"/>
  </si>
  <si>
    <t>女性の人権シリーズ</t>
    <rPh sb="0" eb="2">
      <t>ジョセイ</t>
    </rPh>
    <rPh sb="3" eb="5">
      <t>ジンケン</t>
    </rPh>
    <phoneticPr fontId="4"/>
  </si>
  <si>
    <t>制作年</t>
    <rPh sb="0" eb="3">
      <t>セイサクネン</t>
    </rPh>
    <phoneticPr fontId="1"/>
  </si>
  <si>
    <t>H13</t>
    <phoneticPr fontId="1"/>
  </si>
  <si>
    <t>H16</t>
    <phoneticPr fontId="1"/>
  </si>
  <si>
    <t>H18</t>
    <phoneticPr fontId="1"/>
  </si>
  <si>
    <t>H19</t>
    <phoneticPr fontId="1"/>
  </si>
  <si>
    <t>H30</t>
    <phoneticPr fontId="1"/>
  </si>
  <si>
    <t>H20</t>
    <phoneticPr fontId="1"/>
  </si>
  <si>
    <t>H22</t>
    <phoneticPr fontId="1"/>
  </si>
  <si>
    <t>H21</t>
    <phoneticPr fontId="1"/>
  </si>
  <si>
    <t>H23</t>
    <phoneticPr fontId="1"/>
  </si>
  <si>
    <t>H25</t>
    <phoneticPr fontId="1"/>
  </si>
  <si>
    <t>H27</t>
    <phoneticPr fontId="1"/>
  </si>
  <si>
    <t>H28</t>
    <phoneticPr fontId="1"/>
  </si>
  <si>
    <t>H26</t>
    <phoneticPr fontId="1"/>
  </si>
  <si>
    <t>H24</t>
    <phoneticPr fontId="1"/>
  </si>
  <si>
    <t>H29</t>
    <phoneticPr fontId="1"/>
  </si>
  <si>
    <t>上映時間(分)</t>
    <rPh sb="0" eb="2">
      <t>ジョウエイ</t>
    </rPh>
    <rPh sb="2" eb="4">
      <t>ジカン</t>
    </rPh>
    <rPh sb="5" eb="6">
      <t>フン</t>
    </rPh>
    <phoneticPr fontId="1"/>
  </si>
  <si>
    <t>※制作年が不明のものは空欄になっています</t>
    <rPh sb="1" eb="4">
      <t>セイサクネン</t>
    </rPh>
    <rPh sb="5" eb="7">
      <t>フメイ</t>
    </rPh>
    <rPh sb="11" eb="13">
      <t>クウラン</t>
    </rPh>
    <phoneticPr fontId="1"/>
  </si>
  <si>
    <t>身近な特殊詐欺の手口と対策</t>
    <phoneticPr fontId="4"/>
  </si>
  <si>
    <t>「ネット通販詐欺」「フィッシング詐欺」「キャッシュカード詐欺」と呼ばれる３つの特殊詐欺の手口をドラマで描き、被害にあわないための具体的な対策を紹介しています。</t>
    <phoneticPr fontId="4"/>
  </si>
  <si>
    <t>R4</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2" x14ac:knownFonts="1">
    <font>
      <sz val="11"/>
      <color theme="1"/>
      <name val="游ゴシック"/>
      <family val="2"/>
      <charset val="128"/>
      <scheme val="minor"/>
    </font>
    <font>
      <sz val="6"/>
      <name val="游ゴシック"/>
      <family val="2"/>
      <charset val="128"/>
      <scheme val="minor"/>
    </font>
    <font>
      <sz val="11"/>
      <color theme="1"/>
      <name val="メイリオ"/>
      <family val="3"/>
      <charset val="128"/>
    </font>
    <font>
      <sz val="8"/>
      <color theme="1"/>
      <name val="メイリオ"/>
      <family val="3"/>
      <charset val="128"/>
    </font>
    <font>
      <sz val="6"/>
      <name val="ＭＳ Ｐゴシック"/>
      <family val="3"/>
      <charset val="128"/>
    </font>
    <font>
      <sz val="9"/>
      <name val="ＭＳ Ｐゴシック"/>
      <family val="3"/>
      <charset val="128"/>
    </font>
    <font>
      <sz val="9"/>
      <color theme="1"/>
      <name val="游ゴシック"/>
      <family val="2"/>
      <charset val="128"/>
      <scheme val="minor"/>
    </font>
    <font>
      <sz val="9"/>
      <color theme="1"/>
      <name val="ＭＳ Ｐゴシック"/>
      <family val="3"/>
      <charset val="128"/>
    </font>
    <font>
      <b/>
      <sz val="16"/>
      <color theme="1"/>
      <name val="メイリオ"/>
      <family val="3"/>
      <charset val="128"/>
    </font>
    <font>
      <sz val="10"/>
      <color theme="1"/>
      <name val="メイリオ"/>
      <family val="3"/>
      <charset val="128"/>
    </font>
    <font>
      <sz val="10"/>
      <name val="メイリオ"/>
      <family val="3"/>
      <charset val="128"/>
    </font>
    <font>
      <sz val="10"/>
      <color theme="1"/>
      <name val="游ゴシック"/>
      <family val="2"/>
      <charset val="128"/>
      <scheme val="minor"/>
    </font>
  </fonts>
  <fills count="2">
    <fill>
      <patternFill patternType="none"/>
    </fill>
    <fill>
      <patternFill patternType="gray125"/>
    </fill>
  </fills>
  <borders count="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right/>
      <top/>
      <bottom style="thin">
        <color indexed="64"/>
      </bottom>
      <diagonal/>
    </border>
  </borders>
  <cellStyleXfs count="1">
    <xf numFmtId="0" fontId="0" fillId="0" borderId="0">
      <alignment vertical="center"/>
    </xf>
  </cellStyleXfs>
  <cellXfs count="18">
    <xf numFmtId="0" fontId="0" fillId="0" borderId="0" xfId="0">
      <alignment vertical="center"/>
    </xf>
    <xf numFmtId="0" fontId="2" fillId="0" borderId="1" xfId="0" applyFont="1" applyBorder="1" applyAlignment="1">
      <alignment horizontal="center" vertical="center"/>
    </xf>
    <xf numFmtId="0" fontId="3" fillId="0" borderId="1" xfId="0" applyFont="1" applyBorder="1" applyAlignment="1">
      <alignment horizontal="center" vertical="center"/>
    </xf>
    <xf numFmtId="0" fontId="5" fillId="0" borderId="1" xfId="0" applyFont="1" applyFill="1" applyBorder="1" applyAlignment="1">
      <alignment vertical="center" wrapText="1"/>
    </xf>
    <xf numFmtId="0" fontId="5" fillId="0" borderId="2" xfId="0" applyFont="1" applyFill="1" applyBorder="1" applyAlignment="1">
      <alignment vertical="center" wrapText="1"/>
    </xf>
    <xf numFmtId="0" fontId="2" fillId="0" borderId="0" xfId="0" applyFont="1" applyBorder="1">
      <alignment vertical="center"/>
    </xf>
    <xf numFmtId="0" fontId="0" fillId="0" borderId="0" xfId="0" applyBorder="1">
      <alignment vertical="center"/>
    </xf>
    <xf numFmtId="0" fontId="6" fillId="0" borderId="0" xfId="0" applyFont="1" applyBorder="1" applyAlignment="1">
      <alignment horizontal="center" vertical="center"/>
    </xf>
    <xf numFmtId="0" fontId="2" fillId="0" borderId="0" xfId="0" applyFont="1" applyBorder="1" applyAlignment="1">
      <alignment horizontal="center" vertical="center"/>
    </xf>
    <xf numFmtId="0" fontId="7" fillId="0" borderId="1" xfId="0" applyFont="1" applyBorder="1">
      <alignment vertical="center"/>
    </xf>
    <xf numFmtId="0" fontId="9" fillId="0" borderId="1" xfId="0" applyFont="1" applyBorder="1" applyAlignment="1">
      <alignment horizontal="center" vertical="center"/>
    </xf>
    <xf numFmtId="0" fontId="9" fillId="0" borderId="1" xfId="0" applyFont="1" applyBorder="1">
      <alignment vertical="center"/>
    </xf>
    <xf numFmtId="0" fontId="10" fillId="0" borderId="1" xfId="0" applyFont="1" applyFill="1" applyBorder="1" applyAlignment="1">
      <alignment horizontal="center" vertical="center" wrapText="1"/>
    </xf>
    <xf numFmtId="0" fontId="10" fillId="0" borderId="1" xfId="0" applyFont="1" applyFill="1" applyBorder="1" applyAlignment="1">
      <alignment vertical="center" wrapText="1"/>
    </xf>
    <xf numFmtId="0" fontId="11" fillId="0" borderId="1" xfId="0" applyFont="1" applyBorder="1">
      <alignment vertical="center"/>
    </xf>
    <xf numFmtId="0" fontId="7" fillId="0" borderId="1" xfId="0" applyFont="1" applyBorder="1" applyAlignment="1">
      <alignment horizontal="left" vertical="center" wrapText="1"/>
    </xf>
    <xf numFmtId="0" fontId="8" fillId="0" borderId="0" xfId="0" applyFont="1" applyAlignment="1">
      <alignment horizontal="left" vertical="center"/>
    </xf>
    <xf numFmtId="0" fontId="3" fillId="0" borderId="3" xfId="0" applyFont="1" applyBorder="1" applyAlignment="1">
      <alignment horizontal="left"/>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G94"/>
  <sheetViews>
    <sheetView tabSelected="1" topLeftCell="A28" workbookViewId="0">
      <selection activeCell="E34" sqref="E34"/>
    </sheetView>
  </sheetViews>
  <sheetFormatPr defaultRowHeight="18" x14ac:dyDescent="0.55000000000000004"/>
  <cols>
    <col min="1" max="1" width="5.33203125" customWidth="1"/>
    <col min="2" max="2" width="33.1640625" customWidth="1"/>
    <col min="3" max="3" width="8.1640625" customWidth="1"/>
    <col min="4" max="4" width="9.08203125" customWidth="1"/>
    <col min="5" max="6" width="6.5" customWidth="1"/>
    <col min="7" max="7" width="50" customWidth="1"/>
  </cols>
  <sheetData>
    <row r="1" spans="1:7" ht="33" customHeight="1" x14ac:dyDescent="0.45">
      <c r="A1" s="16" t="s">
        <v>5</v>
      </c>
      <c r="B1" s="16"/>
      <c r="C1" s="16"/>
      <c r="D1" s="16"/>
      <c r="E1" s="17" t="s">
        <v>84</v>
      </c>
      <c r="F1" s="17"/>
      <c r="G1" s="17"/>
    </row>
    <row r="2" spans="1:7" x14ac:dyDescent="0.55000000000000004">
      <c r="A2" s="10" t="s">
        <v>0</v>
      </c>
      <c r="B2" s="10" t="s">
        <v>1</v>
      </c>
      <c r="C2" s="2" t="s">
        <v>2</v>
      </c>
      <c r="D2" s="2" t="s">
        <v>83</v>
      </c>
      <c r="E2" s="10" t="s">
        <v>67</v>
      </c>
      <c r="F2" s="10" t="s">
        <v>3</v>
      </c>
      <c r="G2" s="10" t="s">
        <v>4</v>
      </c>
    </row>
    <row r="3" spans="1:7" ht="36" customHeight="1" x14ac:dyDescent="0.55000000000000004">
      <c r="A3" s="11">
        <v>1439</v>
      </c>
      <c r="B3" s="3" t="s">
        <v>8</v>
      </c>
      <c r="C3" s="10" t="s">
        <v>10</v>
      </c>
      <c r="D3" s="10">
        <v>45</v>
      </c>
      <c r="E3" s="10" t="s">
        <v>71</v>
      </c>
      <c r="F3" s="10"/>
      <c r="G3" s="3" t="s">
        <v>9</v>
      </c>
    </row>
    <row r="4" spans="1:7" ht="35.5" customHeight="1" x14ac:dyDescent="0.55000000000000004">
      <c r="A4" s="11">
        <v>1449</v>
      </c>
      <c r="B4" s="3" t="s">
        <v>11</v>
      </c>
      <c r="C4" s="10" t="s">
        <v>10</v>
      </c>
      <c r="D4" s="10">
        <v>35</v>
      </c>
      <c r="E4" s="10" t="s">
        <v>73</v>
      </c>
      <c r="F4" s="10"/>
      <c r="G4" s="3" t="s">
        <v>12</v>
      </c>
    </row>
    <row r="5" spans="1:7" ht="48" customHeight="1" x14ac:dyDescent="0.55000000000000004">
      <c r="A5" s="11">
        <v>1451</v>
      </c>
      <c r="B5" s="3" t="s">
        <v>13</v>
      </c>
      <c r="C5" s="10" t="s">
        <v>10</v>
      </c>
      <c r="D5" s="10">
        <v>30</v>
      </c>
      <c r="E5" s="10" t="s">
        <v>70</v>
      </c>
      <c r="F5" s="10"/>
      <c r="G5" s="3" t="s">
        <v>14</v>
      </c>
    </row>
    <row r="6" spans="1:7" ht="46.5" customHeight="1" x14ac:dyDescent="0.55000000000000004">
      <c r="A6" s="11">
        <v>1455</v>
      </c>
      <c r="B6" s="3" t="s">
        <v>15</v>
      </c>
      <c r="C6" s="10" t="s">
        <v>10</v>
      </c>
      <c r="D6" s="10">
        <v>35</v>
      </c>
      <c r="E6" s="10" t="s">
        <v>73</v>
      </c>
      <c r="F6" s="10"/>
      <c r="G6" s="3" t="s">
        <v>16</v>
      </c>
    </row>
    <row r="7" spans="1:7" ht="45" customHeight="1" x14ac:dyDescent="0.55000000000000004">
      <c r="A7" s="11">
        <v>9592</v>
      </c>
      <c r="B7" s="3" t="s">
        <v>17</v>
      </c>
      <c r="C7" s="10" t="s">
        <v>10</v>
      </c>
      <c r="D7" s="10">
        <v>55</v>
      </c>
      <c r="E7" s="10"/>
      <c r="F7" s="10"/>
      <c r="G7" s="3" t="s">
        <v>18</v>
      </c>
    </row>
    <row r="8" spans="1:7" ht="59" customHeight="1" x14ac:dyDescent="0.55000000000000004">
      <c r="A8" s="13">
        <v>9593</v>
      </c>
      <c r="B8" s="3" t="s">
        <v>19</v>
      </c>
      <c r="C8" s="10" t="s">
        <v>10</v>
      </c>
      <c r="D8" s="12">
        <v>22</v>
      </c>
      <c r="E8" s="12" t="s">
        <v>69</v>
      </c>
      <c r="F8" s="10"/>
      <c r="G8" s="3" t="s">
        <v>21</v>
      </c>
    </row>
    <row r="9" spans="1:7" ht="60.5" customHeight="1" x14ac:dyDescent="0.55000000000000004">
      <c r="A9" s="13">
        <v>9594</v>
      </c>
      <c r="B9" s="3" t="s">
        <v>19</v>
      </c>
      <c r="C9" s="10" t="s">
        <v>10</v>
      </c>
      <c r="D9" s="12">
        <v>22</v>
      </c>
      <c r="E9" s="12" t="s">
        <v>69</v>
      </c>
      <c r="F9" s="10"/>
      <c r="G9" s="3" t="s">
        <v>22</v>
      </c>
    </row>
    <row r="10" spans="1:7" ht="29" customHeight="1" x14ac:dyDescent="0.55000000000000004">
      <c r="A10" s="13">
        <v>9595</v>
      </c>
      <c r="B10" s="3" t="s">
        <v>20</v>
      </c>
      <c r="C10" s="10" t="s">
        <v>10</v>
      </c>
      <c r="D10" s="12">
        <v>28</v>
      </c>
      <c r="E10" s="12" t="s">
        <v>69</v>
      </c>
      <c r="F10" s="10"/>
      <c r="G10" s="3" t="s">
        <v>23</v>
      </c>
    </row>
    <row r="11" spans="1:7" ht="47" customHeight="1" x14ac:dyDescent="0.55000000000000004">
      <c r="A11" s="11">
        <v>9600</v>
      </c>
      <c r="B11" s="3" t="s">
        <v>24</v>
      </c>
      <c r="C11" s="10" t="s">
        <v>6</v>
      </c>
      <c r="D11" s="10">
        <v>30</v>
      </c>
      <c r="E11" s="10" t="s">
        <v>68</v>
      </c>
      <c r="F11" s="10"/>
      <c r="G11" s="3" t="s">
        <v>25</v>
      </c>
    </row>
    <row r="12" spans="1:7" ht="60" customHeight="1" x14ac:dyDescent="0.55000000000000004">
      <c r="A12" s="11">
        <v>9624</v>
      </c>
      <c r="B12" s="3" t="s">
        <v>26</v>
      </c>
      <c r="C12" s="10" t="s">
        <v>7</v>
      </c>
      <c r="D12" s="10">
        <v>24</v>
      </c>
      <c r="E12" s="10" t="s">
        <v>77</v>
      </c>
      <c r="F12" s="10"/>
      <c r="G12" s="3" t="s">
        <v>27</v>
      </c>
    </row>
    <row r="13" spans="1:7" ht="46.5" customHeight="1" x14ac:dyDescent="0.55000000000000004">
      <c r="A13" s="11">
        <v>9625</v>
      </c>
      <c r="B13" s="3" t="s">
        <v>28</v>
      </c>
      <c r="C13" s="10" t="s">
        <v>7</v>
      </c>
      <c r="D13" s="10">
        <v>22</v>
      </c>
      <c r="E13" s="10" t="s">
        <v>81</v>
      </c>
      <c r="F13" s="10"/>
      <c r="G13" s="3" t="s">
        <v>30</v>
      </c>
    </row>
    <row r="14" spans="1:7" ht="26" customHeight="1" x14ac:dyDescent="0.55000000000000004">
      <c r="A14" s="11">
        <v>9626</v>
      </c>
      <c r="B14" s="3" t="s">
        <v>29</v>
      </c>
      <c r="C14" s="10" t="s">
        <v>7</v>
      </c>
      <c r="D14" s="10">
        <v>26</v>
      </c>
      <c r="E14" s="10" t="s">
        <v>80</v>
      </c>
      <c r="F14" s="10"/>
      <c r="G14" s="3" t="s">
        <v>31</v>
      </c>
    </row>
    <row r="15" spans="1:7" ht="46.5" customHeight="1" x14ac:dyDescent="0.55000000000000004">
      <c r="A15" s="11">
        <v>9629</v>
      </c>
      <c r="B15" s="3" t="s">
        <v>32</v>
      </c>
      <c r="C15" s="10" t="s">
        <v>7</v>
      </c>
      <c r="D15" s="10">
        <v>21</v>
      </c>
      <c r="E15" s="10" t="s">
        <v>81</v>
      </c>
      <c r="F15" s="10"/>
      <c r="G15" s="3" t="s">
        <v>34</v>
      </c>
    </row>
    <row r="16" spans="1:7" ht="35.5" customHeight="1" x14ac:dyDescent="0.55000000000000004">
      <c r="A16" s="11">
        <v>9630</v>
      </c>
      <c r="B16" s="3" t="s">
        <v>33</v>
      </c>
      <c r="C16" s="10" t="s">
        <v>7</v>
      </c>
      <c r="D16" s="10">
        <v>23</v>
      </c>
      <c r="E16" s="10" t="s">
        <v>81</v>
      </c>
      <c r="F16" s="10"/>
      <c r="G16" s="3" t="s">
        <v>35</v>
      </c>
    </row>
    <row r="17" spans="1:7" ht="33" customHeight="1" x14ac:dyDescent="0.55000000000000004">
      <c r="A17" s="11">
        <v>9633</v>
      </c>
      <c r="B17" s="3" t="s">
        <v>36</v>
      </c>
      <c r="C17" s="10" t="s">
        <v>7</v>
      </c>
      <c r="D17" s="10">
        <v>24</v>
      </c>
      <c r="E17" s="10" t="s">
        <v>75</v>
      </c>
      <c r="F17" s="10"/>
      <c r="G17" s="3" t="s">
        <v>37</v>
      </c>
    </row>
    <row r="18" spans="1:7" ht="24.5" customHeight="1" x14ac:dyDescent="0.55000000000000004">
      <c r="A18" s="11">
        <v>9634</v>
      </c>
      <c r="B18" s="3" t="s">
        <v>38</v>
      </c>
      <c r="C18" s="10" t="s">
        <v>7</v>
      </c>
      <c r="D18" s="10">
        <v>34</v>
      </c>
      <c r="E18" s="10" t="s">
        <v>80</v>
      </c>
      <c r="F18" s="10"/>
      <c r="G18" s="3" t="s">
        <v>39</v>
      </c>
    </row>
    <row r="19" spans="1:7" ht="33.5" customHeight="1" x14ac:dyDescent="0.55000000000000004">
      <c r="A19" s="11">
        <v>9637</v>
      </c>
      <c r="B19" s="3" t="s">
        <v>40</v>
      </c>
      <c r="C19" s="10" t="s">
        <v>7</v>
      </c>
      <c r="D19" s="10">
        <v>25</v>
      </c>
      <c r="E19" s="10" t="s">
        <v>80</v>
      </c>
      <c r="F19" s="10"/>
      <c r="G19" s="3" t="s">
        <v>41</v>
      </c>
    </row>
    <row r="20" spans="1:7" ht="57" customHeight="1" x14ac:dyDescent="0.55000000000000004">
      <c r="A20" s="11">
        <v>9638</v>
      </c>
      <c r="B20" s="3" t="s">
        <v>42</v>
      </c>
      <c r="C20" s="10" t="s">
        <v>7</v>
      </c>
      <c r="D20" s="10">
        <v>25</v>
      </c>
      <c r="E20" s="10" t="s">
        <v>80</v>
      </c>
      <c r="F20" s="10" t="s">
        <v>3</v>
      </c>
      <c r="G20" s="3" t="s">
        <v>43</v>
      </c>
    </row>
    <row r="21" spans="1:7" ht="22" customHeight="1" x14ac:dyDescent="0.55000000000000004">
      <c r="A21" s="11">
        <v>9639</v>
      </c>
      <c r="B21" s="3" t="s">
        <v>44</v>
      </c>
      <c r="C21" s="10" t="s">
        <v>7</v>
      </c>
      <c r="D21" s="10">
        <v>34</v>
      </c>
      <c r="E21" s="10" t="s">
        <v>77</v>
      </c>
      <c r="F21" s="10"/>
      <c r="G21" s="3" t="s">
        <v>45</v>
      </c>
    </row>
    <row r="22" spans="1:7" ht="45.5" customHeight="1" x14ac:dyDescent="0.55000000000000004">
      <c r="A22" s="11">
        <v>9641</v>
      </c>
      <c r="B22" s="3" t="s">
        <v>46</v>
      </c>
      <c r="C22" s="10" t="s">
        <v>7</v>
      </c>
      <c r="D22" s="10">
        <v>23</v>
      </c>
      <c r="E22" s="10" t="s">
        <v>76</v>
      </c>
      <c r="F22" s="10"/>
      <c r="G22" s="3" t="s">
        <v>47</v>
      </c>
    </row>
    <row r="23" spans="1:7" ht="26" customHeight="1" x14ac:dyDescent="0.55000000000000004">
      <c r="A23" s="11">
        <v>9642</v>
      </c>
      <c r="B23" s="3" t="s">
        <v>48</v>
      </c>
      <c r="C23" s="10" t="s">
        <v>7</v>
      </c>
      <c r="D23" s="10">
        <v>31</v>
      </c>
      <c r="E23" s="10" t="s">
        <v>79</v>
      </c>
      <c r="F23" s="10" t="s">
        <v>3</v>
      </c>
      <c r="G23" s="3" t="s">
        <v>49</v>
      </c>
    </row>
    <row r="24" spans="1:7" ht="49" customHeight="1" x14ac:dyDescent="0.55000000000000004">
      <c r="A24" s="11">
        <v>9643</v>
      </c>
      <c r="B24" s="3" t="s">
        <v>50</v>
      </c>
      <c r="C24" s="10" t="s">
        <v>7</v>
      </c>
      <c r="D24" s="10">
        <v>18</v>
      </c>
      <c r="E24" s="10" t="s">
        <v>78</v>
      </c>
      <c r="F24" s="10"/>
      <c r="G24" s="3" t="s">
        <v>51</v>
      </c>
    </row>
    <row r="25" spans="1:7" ht="23" customHeight="1" x14ac:dyDescent="0.55000000000000004">
      <c r="A25" s="11">
        <v>9662</v>
      </c>
      <c r="B25" s="3" t="s">
        <v>52</v>
      </c>
      <c r="C25" s="10" t="s">
        <v>7</v>
      </c>
      <c r="D25" s="10">
        <v>36</v>
      </c>
      <c r="E25" s="10" t="s">
        <v>79</v>
      </c>
      <c r="F25" s="10"/>
      <c r="G25" s="3" t="s">
        <v>53</v>
      </c>
    </row>
    <row r="26" spans="1:7" ht="26" customHeight="1" x14ac:dyDescent="0.55000000000000004">
      <c r="A26" s="11">
        <v>9663</v>
      </c>
      <c r="B26" s="3" t="s">
        <v>54</v>
      </c>
      <c r="C26" s="10" t="s">
        <v>7</v>
      </c>
      <c r="D26" s="10">
        <v>30</v>
      </c>
      <c r="E26" s="10" t="s">
        <v>82</v>
      </c>
      <c r="F26" s="10"/>
      <c r="G26" s="3" t="s">
        <v>55</v>
      </c>
    </row>
    <row r="27" spans="1:7" ht="47" customHeight="1" x14ac:dyDescent="0.55000000000000004">
      <c r="A27" s="11">
        <v>9664</v>
      </c>
      <c r="B27" s="3" t="s">
        <v>56</v>
      </c>
      <c r="C27" s="10" t="s">
        <v>7</v>
      </c>
      <c r="D27" s="10">
        <v>25</v>
      </c>
      <c r="E27" s="10" t="s">
        <v>77</v>
      </c>
      <c r="F27" s="10"/>
      <c r="G27" s="3" t="s">
        <v>57</v>
      </c>
    </row>
    <row r="28" spans="1:7" ht="45.5" customHeight="1" x14ac:dyDescent="0.55000000000000004">
      <c r="A28" s="11">
        <v>9666</v>
      </c>
      <c r="B28" s="3" t="s">
        <v>58</v>
      </c>
      <c r="C28" s="10" t="s">
        <v>7</v>
      </c>
      <c r="D28" s="10">
        <v>30</v>
      </c>
      <c r="E28" s="10" t="s">
        <v>78</v>
      </c>
      <c r="F28" s="14"/>
      <c r="G28" s="3" t="s">
        <v>59</v>
      </c>
    </row>
    <row r="29" spans="1:7" ht="47.5" customHeight="1" x14ac:dyDescent="0.55000000000000004">
      <c r="A29" s="11">
        <v>9667</v>
      </c>
      <c r="B29" s="3" t="s">
        <v>60</v>
      </c>
      <c r="C29" s="10" t="s">
        <v>7</v>
      </c>
      <c r="D29" s="10">
        <v>24</v>
      </c>
      <c r="E29" s="10" t="s">
        <v>74</v>
      </c>
      <c r="F29" s="10"/>
      <c r="G29" s="3" t="s">
        <v>61</v>
      </c>
    </row>
    <row r="30" spans="1:7" ht="26" customHeight="1" x14ac:dyDescent="0.55000000000000004">
      <c r="A30" s="11">
        <v>9668</v>
      </c>
      <c r="B30" s="4" t="s">
        <v>62</v>
      </c>
      <c r="C30" s="10" t="s">
        <v>7</v>
      </c>
      <c r="D30" s="10">
        <v>14</v>
      </c>
      <c r="E30" s="10" t="s">
        <v>72</v>
      </c>
      <c r="F30" s="10" t="s">
        <v>64</v>
      </c>
      <c r="G30" s="3" t="s">
        <v>63</v>
      </c>
    </row>
    <row r="31" spans="1:7" ht="26" customHeight="1" x14ac:dyDescent="0.55000000000000004">
      <c r="A31" s="11">
        <v>9669</v>
      </c>
      <c r="B31" s="3" t="s">
        <v>65</v>
      </c>
      <c r="C31" s="10" t="s">
        <v>7</v>
      </c>
      <c r="D31" s="10">
        <v>19</v>
      </c>
      <c r="E31" s="10" t="s">
        <v>72</v>
      </c>
      <c r="F31" s="10"/>
      <c r="G31" s="3" t="s">
        <v>66</v>
      </c>
    </row>
    <row r="32" spans="1:7" ht="36" customHeight="1" x14ac:dyDescent="0.55000000000000004">
      <c r="A32" s="11">
        <v>9687</v>
      </c>
      <c r="B32" s="9" t="s">
        <v>85</v>
      </c>
      <c r="C32" s="10" t="s">
        <v>7</v>
      </c>
      <c r="D32" s="10">
        <v>24</v>
      </c>
      <c r="E32" s="10" t="s">
        <v>87</v>
      </c>
      <c r="F32" s="1"/>
      <c r="G32" s="15" t="s">
        <v>86</v>
      </c>
    </row>
    <row r="33" spans="1:7" ht="26" customHeight="1" x14ac:dyDescent="0.55000000000000004">
      <c r="A33" s="5"/>
      <c r="B33" s="5"/>
      <c r="C33" s="7"/>
      <c r="D33" s="8"/>
      <c r="E33" s="8"/>
      <c r="F33" s="8"/>
      <c r="G33" s="8"/>
    </row>
    <row r="34" spans="1:7" ht="26" customHeight="1" x14ac:dyDescent="0.55000000000000004">
      <c r="A34" s="5"/>
      <c r="B34" s="5"/>
      <c r="C34" s="7"/>
      <c r="D34" s="8"/>
      <c r="E34" s="8"/>
      <c r="F34" s="8"/>
      <c r="G34" s="8"/>
    </row>
    <row r="35" spans="1:7" ht="26" customHeight="1" x14ac:dyDescent="0.55000000000000004">
      <c r="A35" s="5"/>
      <c r="B35" s="5"/>
      <c r="C35" s="7"/>
      <c r="D35" s="8"/>
      <c r="E35" s="8"/>
      <c r="F35" s="8"/>
      <c r="G35" s="8"/>
    </row>
    <row r="36" spans="1:7" ht="26" customHeight="1" x14ac:dyDescent="0.55000000000000004">
      <c r="A36" s="5"/>
      <c r="B36" s="5"/>
      <c r="C36" s="7"/>
      <c r="D36" s="8"/>
      <c r="E36" s="8"/>
      <c r="F36" s="8"/>
      <c r="G36" s="8"/>
    </row>
    <row r="37" spans="1:7" ht="26" customHeight="1" x14ac:dyDescent="0.55000000000000004">
      <c r="A37" s="5"/>
      <c r="B37" s="5"/>
      <c r="C37" s="7"/>
      <c r="D37" s="8"/>
      <c r="E37" s="8"/>
      <c r="F37" s="8"/>
      <c r="G37" s="8"/>
    </row>
    <row r="38" spans="1:7" ht="26" customHeight="1" x14ac:dyDescent="0.55000000000000004">
      <c r="A38" s="5"/>
      <c r="B38" s="5"/>
      <c r="C38" s="7"/>
      <c r="D38" s="8"/>
      <c r="E38" s="8"/>
      <c r="F38" s="8"/>
      <c r="G38" s="8"/>
    </row>
    <row r="39" spans="1:7" ht="26" customHeight="1" x14ac:dyDescent="0.55000000000000004">
      <c r="A39" s="5"/>
      <c r="B39" s="5"/>
      <c r="C39" s="7"/>
      <c r="D39" s="8"/>
      <c r="E39" s="8"/>
      <c r="F39" s="8"/>
      <c r="G39" s="8"/>
    </row>
    <row r="40" spans="1:7" ht="26" customHeight="1" x14ac:dyDescent="0.55000000000000004">
      <c r="A40" s="5"/>
      <c r="B40" s="5"/>
      <c r="C40" s="7"/>
      <c r="D40" s="8"/>
      <c r="E40" s="8"/>
      <c r="F40" s="8"/>
      <c r="G40" s="8"/>
    </row>
    <row r="41" spans="1:7" ht="26" customHeight="1" x14ac:dyDescent="0.55000000000000004">
      <c r="A41" s="5"/>
      <c r="B41" s="5"/>
      <c r="C41" s="7"/>
      <c r="D41" s="8"/>
      <c r="E41" s="8"/>
      <c r="F41" s="8"/>
      <c r="G41" s="8"/>
    </row>
    <row r="42" spans="1:7" ht="26" customHeight="1" x14ac:dyDescent="0.55000000000000004">
      <c r="A42" s="5"/>
      <c r="B42" s="5"/>
      <c r="C42" s="7"/>
      <c r="D42" s="8"/>
      <c r="E42" s="8"/>
      <c r="F42" s="8"/>
      <c r="G42" s="8"/>
    </row>
    <row r="43" spans="1:7" ht="26" customHeight="1" x14ac:dyDescent="0.55000000000000004">
      <c r="A43" s="5"/>
      <c r="B43" s="5"/>
      <c r="C43" s="7"/>
      <c r="D43" s="8"/>
      <c r="E43" s="8"/>
      <c r="F43" s="8"/>
      <c r="G43" s="8"/>
    </row>
    <row r="44" spans="1:7" ht="26" customHeight="1" x14ac:dyDescent="0.55000000000000004">
      <c r="A44" s="5"/>
      <c r="B44" s="5"/>
      <c r="C44" s="7"/>
      <c r="D44" s="8"/>
      <c r="E44" s="8"/>
      <c r="F44" s="8"/>
      <c r="G44" s="8"/>
    </row>
    <row r="45" spans="1:7" ht="26" customHeight="1" x14ac:dyDescent="0.55000000000000004">
      <c r="A45" s="5"/>
      <c r="B45" s="5"/>
      <c r="C45" s="7"/>
      <c r="D45" s="8"/>
      <c r="E45" s="8"/>
      <c r="F45" s="8"/>
      <c r="G45" s="8"/>
    </row>
    <row r="46" spans="1:7" ht="26" customHeight="1" x14ac:dyDescent="0.55000000000000004">
      <c r="A46" s="5"/>
      <c r="B46" s="5"/>
      <c r="C46" s="7"/>
      <c r="D46" s="8"/>
      <c r="E46" s="8"/>
      <c r="F46" s="8"/>
      <c r="G46" s="8"/>
    </row>
    <row r="47" spans="1:7" ht="26" customHeight="1" x14ac:dyDescent="0.55000000000000004">
      <c r="A47" s="5"/>
      <c r="B47" s="5"/>
      <c r="C47" s="7"/>
      <c r="D47" s="8"/>
      <c r="E47" s="8"/>
      <c r="F47" s="8"/>
      <c r="G47" s="8"/>
    </row>
    <row r="48" spans="1:7" ht="26" customHeight="1" x14ac:dyDescent="0.55000000000000004">
      <c r="A48" s="5"/>
      <c r="B48" s="5"/>
      <c r="C48" s="8"/>
      <c r="D48" s="8"/>
      <c r="E48" s="8"/>
      <c r="F48" s="8"/>
      <c r="G48" s="8"/>
    </row>
    <row r="49" spans="1:7" ht="26" customHeight="1" x14ac:dyDescent="0.55000000000000004">
      <c r="A49" s="5"/>
      <c r="B49" s="5"/>
      <c r="C49" s="8"/>
      <c r="D49" s="8"/>
      <c r="E49" s="8"/>
      <c r="F49" s="8"/>
      <c r="G49" s="8"/>
    </row>
    <row r="50" spans="1:7" ht="26" customHeight="1" x14ac:dyDescent="0.55000000000000004">
      <c r="A50" s="5"/>
      <c r="B50" s="5"/>
      <c r="C50" s="8"/>
      <c r="D50" s="8"/>
      <c r="E50" s="8"/>
      <c r="F50" s="8"/>
      <c r="G50" s="8"/>
    </row>
    <row r="51" spans="1:7" ht="26" customHeight="1" x14ac:dyDescent="0.55000000000000004">
      <c r="A51" s="5"/>
      <c r="B51" s="5"/>
      <c r="C51" s="8"/>
      <c r="D51" s="8"/>
      <c r="E51" s="8"/>
      <c r="F51" s="8"/>
      <c r="G51" s="8"/>
    </row>
    <row r="52" spans="1:7" ht="26" customHeight="1" x14ac:dyDescent="0.55000000000000004">
      <c r="A52" s="5"/>
      <c r="B52" s="5"/>
      <c r="C52" s="8"/>
      <c r="D52" s="8"/>
      <c r="E52" s="8"/>
      <c r="F52" s="8"/>
      <c r="G52" s="8"/>
    </row>
    <row r="53" spans="1:7" ht="26" customHeight="1" x14ac:dyDescent="0.55000000000000004">
      <c r="A53" s="5"/>
      <c r="B53" s="5"/>
      <c r="C53" s="8"/>
      <c r="D53" s="8"/>
      <c r="E53" s="8"/>
      <c r="F53" s="8"/>
      <c r="G53" s="8"/>
    </row>
    <row r="54" spans="1:7" ht="26" customHeight="1" x14ac:dyDescent="0.55000000000000004">
      <c r="A54" s="5"/>
      <c r="B54" s="5"/>
      <c r="C54" s="8"/>
      <c r="D54" s="8"/>
      <c r="E54" s="8"/>
      <c r="F54" s="8"/>
      <c r="G54" s="8"/>
    </row>
    <row r="55" spans="1:7" ht="26" customHeight="1" x14ac:dyDescent="0.55000000000000004">
      <c r="A55" s="5"/>
      <c r="B55" s="5"/>
      <c r="C55" s="8"/>
      <c r="D55" s="8"/>
      <c r="E55" s="8"/>
      <c r="F55" s="8"/>
      <c r="G55" s="8"/>
    </row>
    <row r="56" spans="1:7" ht="26" customHeight="1" x14ac:dyDescent="0.55000000000000004">
      <c r="A56" s="5"/>
      <c r="B56" s="5"/>
      <c r="C56" s="8"/>
      <c r="D56" s="8"/>
      <c r="E56" s="8"/>
      <c r="F56" s="8"/>
      <c r="G56" s="8"/>
    </row>
    <row r="57" spans="1:7" ht="26" customHeight="1" x14ac:dyDescent="0.55000000000000004">
      <c r="A57" s="5"/>
      <c r="B57" s="5"/>
      <c r="C57" s="8"/>
      <c r="D57" s="8"/>
      <c r="E57" s="8"/>
      <c r="F57" s="8"/>
      <c r="G57" s="8"/>
    </row>
    <row r="58" spans="1:7" ht="26" customHeight="1" x14ac:dyDescent="0.55000000000000004">
      <c r="A58" s="5"/>
      <c r="B58" s="5"/>
      <c r="C58" s="8"/>
      <c r="D58" s="8"/>
      <c r="E58" s="8"/>
      <c r="F58" s="8"/>
      <c r="G58" s="8"/>
    </row>
    <row r="59" spans="1:7" ht="26" customHeight="1" x14ac:dyDescent="0.55000000000000004">
      <c r="A59" s="5"/>
      <c r="B59" s="5"/>
      <c r="C59" s="8"/>
      <c r="D59" s="8"/>
      <c r="E59" s="8"/>
      <c r="F59" s="8"/>
      <c r="G59" s="8"/>
    </row>
    <row r="60" spans="1:7" ht="26" customHeight="1" x14ac:dyDescent="0.55000000000000004">
      <c r="A60" s="5"/>
      <c r="B60" s="5"/>
      <c r="C60" s="8"/>
      <c r="D60" s="8"/>
      <c r="E60" s="8"/>
      <c r="F60" s="8"/>
      <c r="G60" s="8"/>
    </row>
    <row r="61" spans="1:7" ht="26" customHeight="1" x14ac:dyDescent="0.55000000000000004">
      <c r="A61" s="5"/>
      <c r="B61" s="5"/>
      <c r="C61" s="8"/>
      <c r="D61" s="8"/>
      <c r="E61" s="8"/>
      <c r="F61" s="8"/>
      <c r="G61" s="8"/>
    </row>
    <row r="62" spans="1:7" ht="26" customHeight="1" x14ac:dyDescent="0.55000000000000004">
      <c r="A62" s="5"/>
      <c r="B62" s="5"/>
      <c r="C62" s="8"/>
      <c r="D62" s="8"/>
      <c r="E62" s="8"/>
      <c r="F62" s="8"/>
      <c r="G62" s="8"/>
    </row>
    <row r="63" spans="1:7" ht="26" customHeight="1" x14ac:dyDescent="0.55000000000000004">
      <c r="A63" s="5"/>
      <c r="B63" s="5"/>
      <c r="C63" s="8"/>
      <c r="D63" s="8"/>
      <c r="E63" s="8"/>
      <c r="F63" s="8"/>
      <c r="G63" s="8"/>
    </row>
    <row r="64" spans="1:7" ht="26" customHeight="1" x14ac:dyDescent="0.55000000000000004">
      <c r="A64" s="5"/>
      <c r="B64" s="5"/>
      <c r="C64" s="8"/>
      <c r="D64" s="8"/>
      <c r="E64" s="8"/>
      <c r="F64" s="8"/>
      <c r="G64" s="8"/>
    </row>
    <row r="65" spans="1:7" ht="26" customHeight="1" x14ac:dyDescent="0.55000000000000004">
      <c r="A65" s="5"/>
      <c r="B65" s="5"/>
      <c r="C65" s="8"/>
      <c r="D65" s="8"/>
      <c r="E65" s="8"/>
      <c r="F65" s="8"/>
      <c r="G65" s="8"/>
    </row>
    <row r="66" spans="1:7" ht="26" customHeight="1" x14ac:dyDescent="0.55000000000000004">
      <c r="A66" s="5"/>
      <c r="B66" s="5"/>
      <c r="C66" s="8"/>
      <c r="D66" s="8"/>
      <c r="E66" s="8"/>
      <c r="F66" s="8"/>
      <c r="G66" s="8"/>
    </row>
    <row r="67" spans="1:7" ht="26" customHeight="1" x14ac:dyDescent="0.55000000000000004">
      <c r="A67" s="5"/>
      <c r="B67" s="5"/>
      <c r="C67" s="8"/>
      <c r="D67" s="8"/>
      <c r="E67" s="8"/>
      <c r="F67" s="8"/>
      <c r="G67" s="8"/>
    </row>
    <row r="68" spans="1:7" ht="26" customHeight="1" x14ac:dyDescent="0.55000000000000004">
      <c r="A68" s="5"/>
      <c r="B68" s="5"/>
      <c r="C68" s="8"/>
      <c r="D68" s="8"/>
      <c r="E68" s="8"/>
      <c r="F68" s="8"/>
      <c r="G68" s="8"/>
    </row>
    <row r="69" spans="1:7" ht="26" customHeight="1" x14ac:dyDescent="0.55000000000000004">
      <c r="A69" s="5"/>
      <c r="B69" s="5"/>
      <c r="C69" s="8"/>
      <c r="D69" s="8"/>
      <c r="E69" s="8"/>
      <c r="F69" s="8"/>
      <c r="G69" s="8"/>
    </row>
    <row r="70" spans="1:7" ht="26" customHeight="1" x14ac:dyDescent="0.55000000000000004">
      <c r="A70" s="5"/>
      <c r="B70" s="5"/>
      <c r="C70" s="8"/>
      <c r="D70" s="8"/>
      <c r="E70" s="8"/>
      <c r="F70" s="8"/>
      <c r="G70" s="8"/>
    </row>
    <row r="71" spans="1:7" ht="26" customHeight="1" x14ac:dyDescent="0.55000000000000004">
      <c r="A71" s="5"/>
      <c r="B71" s="5"/>
      <c r="C71" s="8"/>
      <c r="D71" s="8"/>
      <c r="E71" s="8"/>
      <c r="F71" s="8"/>
      <c r="G71" s="8"/>
    </row>
    <row r="72" spans="1:7" x14ac:dyDescent="0.55000000000000004">
      <c r="A72" s="6"/>
      <c r="B72" s="6"/>
      <c r="C72" s="6"/>
      <c r="D72" s="6"/>
      <c r="E72" s="6"/>
      <c r="F72" s="6"/>
      <c r="G72" s="6"/>
    </row>
    <row r="73" spans="1:7" x14ac:dyDescent="0.55000000000000004">
      <c r="A73" s="6"/>
      <c r="B73" s="6"/>
      <c r="C73" s="6"/>
      <c r="D73" s="6"/>
      <c r="E73" s="6"/>
      <c r="F73" s="6"/>
      <c r="G73" s="6"/>
    </row>
    <row r="74" spans="1:7" x14ac:dyDescent="0.55000000000000004">
      <c r="A74" s="6"/>
      <c r="B74" s="6"/>
      <c r="C74" s="6"/>
      <c r="D74" s="6"/>
      <c r="E74" s="6"/>
      <c r="F74" s="6"/>
      <c r="G74" s="6"/>
    </row>
    <row r="75" spans="1:7" x14ac:dyDescent="0.55000000000000004">
      <c r="A75" s="6"/>
      <c r="B75" s="6"/>
      <c r="C75" s="6"/>
      <c r="D75" s="6"/>
      <c r="E75" s="6"/>
      <c r="F75" s="6"/>
      <c r="G75" s="6"/>
    </row>
    <row r="76" spans="1:7" x14ac:dyDescent="0.55000000000000004">
      <c r="A76" s="6"/>
      <c r="B76" s="6"/>
      <c r="C76" s="6"/>
      <c r="D76" s="6"/>
      <c r="E76" s="6"/>
      <c r="F76" s="6"/>
      <c r="G76" s="6"/>
    </row>
    <row r="77" spans="1:7" x14ac:dyDescent="0.55000000000000004">
      <c r="A77" s="6"/>
      <c r="B77" s="6"/>
      <c r="C77" s="6"/>
      <c r="D77" s="6"/>
      <c r="E77" s="6"/>
      <c r="F77" s="6"/>
      <c r="G77" s="6"/>
    </row>
    <row r="78" spans="1:7" x14ac:dyDescent="0.55000000000000004">
      <c r="A78" s="6"/>
      <c r="B78" s="6"/>
      <c r="C78" s="6"/>
      <c r="D78" s="6"/>
      <c r="E78" s="6"/>
      <c r="F78" s="6"/>
      <c r="G78" s="6"/>
    </row>
    <row r="79" spans="1:7" x14ac:dyDescent="0.55000000000000004">
      <c r="A79" s="6"/>
      <c r="B79" s="6"/>
      <c r="C79" s="6"/>
      <c r="D79" s="6"/>
      <c r="E79" s="6"/>
      <c r="F79" s="6"/>
      <c r="G79" s="6"/>
    </row>
    <row r="80" spans="1:7" x14ac:dyDescent="0.55000000000000004">
      <c r="A80" s="6"/>
      <c r="B80" s="6"/>
      <c r="C80" s="6"/>
      <c r="D80" s="6"/>
      <c r="E80" s="6"/>
      <c r="F80" s="6"/>
      <c r="G80" s="6"/>
    </row>
    <row r="81" spans="1:7" x14ac:dyDescent="0.55000000000000004">
      <c r="A81" s="6"/>
      <c r="B81" s="6"/>
      <c r="C81" s="6"/>
      <c r="D81" s="6"/>
      <c r="E81" s="6"/>
      <c r="F81" s="6"/>
      <c r="G81" s="6"/>
    </row>
    <row r="82" spans="1:7" x14ac:dyDescent="0.55000000000000004">
      <c r="A82" s="6"/>
      <c r="B82" s="6"/>
      <c r="C82" s="6"/>
      <c r="D82" s="6"/>
      <c r="E82" s="6"/>
      <c r="F82" s="6"/>
      <c r="G82" s="6"/>
    </row>
    <row r="83" spans="1:7" x14ac:dyDescent="0.55000000000000004">
      <c r="A83" s="6"/>
      <c r="B83" s="6"/>
      <c r="C83" s="6"/>
      <c r="D83" s="6"/>
      <c r="E83" s="6"/>
      <c r="F83" s="6"/>
      <c r="G83" s="6"/>
    </row>
    <row r="84" spans="1:7" x14ac:dyDescent="0.55000000000000004">
      <c r="A84" s="6"/>
      <c r="B84" s="6"/>
      <c r="C84" s="6"/>
      <c r="D84" s="6"/>
      <c r="E84" s="6"/>
      <c r="F84" s="6"/>
      <c r="G84" s="6"/>
    </row>
    <row r="85" spans="1:7" x14ac:dyDescent="0.55000000000000004">
      <c r="A85" s="6"/>
      <c r="B85" s="6"/>
      <c r="C85" s="6"/>
      <c r="D85" s="6"/>
      <c r="E85" s="6"/>
      <c r="F85" s="6"/>
      <c r="G85" s="6"/>
    </row>
    <row r="86" spans="1:7" x14ac:dyDescent="0.55000000000000004">
      <c r="A86" s="6"/>
      <c r="B86" s="6"/>
      <c r="C86" s="6"/>
      <c r="D86" s="6"/>
      <c r="E86" s="6"/>
      <c r="F86" s="6"/>
      <c r="G86" s="6"/>
    </row>
    <row r="87" spans="1:7" x14ac:dyDescent="0.55000000000000004">
      <c r="A87" s="6"/>
      <c r="B87" s="6"/>
      <c r="C87" s="6"/>
      <c r="D87" s="6"/>
      <c r="E87" s="6"/>
      <c r="F87" s="6"/>
      <c r="G87" s="6"/>
    </row>
    <row r="88" spans="1:7" x14ac:dyDescent="0.55000000000000004">
      <c r="A88" s="6"/>
      <c r="B88" s="6"/>
      <c r="C88" s="6"/>
      <c r="D88" s="6"/>
      <c r="E88" s="6"/>
      <c r="F88" s="6"/>
      <c r="G88" s="6"/>
    </row>
    <row r="89" spans="1:7" x14ac:dyDescent="0.55000000000000004">
      <c r="A89" s="6"/>
      <c r="B89" s="6"/>
      <c r="C89" s="6"/>
      <c r="D89" s="6"/>
      <c r="E89" s="6"/>
      <c r="F89" s="6"/>
      <c r="G89" s="6"/>
    </row>
    <row r="90" spans="1:7" x14ac:dyDescent="0.55000000000000004">
      <c r="A90" s="6"/>
      <c r="B90" s="6"/>
      <c r="C90" s="6"/>
      <c r="D90" s="6"/>
      <c r="E90" s="6"/>
      <c r="F90" s="6"/>
      <c r="G90" s="6"/>
    </row>
    <row r="91" spans="1:7" x14ac:dyDescent="0.55000000000000004">
      <c r="A91" s="6"/>
      <c r="B91" s="6"/>
      <c r="C91" s="6"/>
      <c r="D91" s="6"/>
      <c r="E91" s="6"/>
      <c r="F91" s="6"/>
      <c r="G91" s="6"/>
    </row>
    <row r="92" spans="1:7" x14ac:dyDescent="0.55000000000000004">
      <c r="A92" s="6"/>
      <c r="B92" s="6"/>
      <c r="C92" s="6"/>
      <c r="D92" s="6"/>
      <c r="E92" s="6"/>
      <c r="F92" s="6"/>
      <c r="G92" s="6"/>
    </row>
    <row r="93" spans="1:7" x14ac:dyDescent="0.55000000000000004">
      <c r="A93" s="6"/>
      <c r="B93" s="6"/>
      <c r="C93" s="6"/>
      <c r="D93" s="6"/>
      <c r="E93" s="6"/>
      <c r="F93" s="6"/>
      <c r="G93" s="6"/>
    </row>
    <row r="94" spans="1:7" x14ac:dyDescent="0.55000000000000004">
      <c r="A94" s="6"/>
      <c r="B94" s="6"/>
      <c r="C94" s="6"/>
      <c r="D94" s="6"/>
      <c r="E94" s="6"/>
      <c r="F94" s="6"/>
      <c r="G94" s="6"/>
    </row>
  </sheetData>
  <mergeCells count="2">
    <mergeCell ref="A1:D1"/>
    <mergeCell ref="E1:G1"/>
  </mergeCells>
  <phoneticPr fontId="4"/>
  <pageMargins left="0.7" right="0.7" top="0.75" bottom="0.75" header="0.3" footer="0.3"/>
  <pageSetup paperSize="9"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５人権・同和教育</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井上　佳子</dc:creator>
  <cp:lastModifiedBy>井上　佳子</cp:lastModifiedBy>
  <cp:lastPrinted>2026-05-13T07:37:40Z</cp:lastPrinted>
  <dcterms:created xsi:type="dcterms:W3CDTF">2025-02-07T02:13:17Z</dcterms:created>
  <dcterms:modified xsi:type="dcterms:W3CDTF">2026-05-13T07:50:48Z</dcterms:modified>
</cp:coreProperties>
</file>